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9"/>
  </p:notesMasterIdLst>
  <p:sldIdLst>
    <p:sldId id="270" r:id="rId5"/>
    <p:sldId id="263" r:id="rId6"/>
    <p:sldId id="268" r:id="rId7"/>
    <p:sldId id="269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8F196949-700A-8047-DD40-D62723C3FDB1}" name="Anastasia Shimakela" initials="AS" userId="S::shimakelaa@iata.org::0f50f825-e73b-42b6-bd1f-7207a6c401a0" providerId="AD"/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F8F9B74-C914-4278-9EDA-8CA7109B3A3B}" v="15" dt="2026-01-20T10:44:09.28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48" d="100"/>
          <a:sy n="148" d="100"/>
        </p:scale>
        <p:origin x="120" y="187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arlota Hernández Jaubert" userId="1eb451b7-1b3c-4c4b-a534-db0568f6e9a2" providerId="ADAL" clId="{CDB60B17-C291-4FC9-8E76-C8CCB0442CD6}"/>
    <pc:docChg chg="undo custSel modSld">
      <pc:chgData name="Carlota Hernández Jaubert" userId="1eb451b7-1b3c-4c4b-a534-db0568f6e9a2" providerId="ADAL" clId="{CDB60B17-C291-4FC9-8E76-C8CCB0442CD6}" dt="2026-01-20T10:44:09.287" v="92" actId="931"/>
      <pc:docMkLst>
        <pc:docMk/>
      </pc:docMkLst>
      <pc:sldChg chg="modSp mod">
        <pc:chgData name="Carlota Hernández Jaubert" userId="1eb451b7-1b3c-4c4b-a534-db0568f6e9a2" providerId="ADAL" clId="{CDB60B17-C291-4FC9-8E76-C8CCB0442CD6}" dt="2026-01-20T10:43:02.818" v="79"/>
        <pc:sldMkLst>
          <pc:docMk/>
          <pc:sldMk cId="2041794120" sldId="263"/>
        </pc:sldMkLst>
        <pc:spChg chg="mod">
          <ac:chgData name="Carlota Hernández Jaubert" userId="1eb451b7-1b3c-4c4b-a534-db0568f6e9a2" providerId="ADAL" clId="{CDB60B17-C291-4FC9-8E76-C8CCB0442CD6}" dt="2026-01-20T10:33:14.485" v="18"/>
          <ac:spMkLst>
            <pc:docMk/>
            <pc:sldMk cId="2041794120" sldId="263"/>
            <ac:spMk id="3" creationId="{8D683FED-8EAC-651B-134D-9C3257312740}"/>
          </ac:spMkLst>
        </pc:spChg>
        <pc:spChg chg="mod">
          <ac:chgData name="Carlota Hernández Jaubert" userId="1eb451b7-1b3c-4c4b-a534-db0568f6e9a2" providerId="ADAL" clId="{CDB60B17-C291-4FC9-8E76-C8CCB0442CD6}" dt="2026-01-20T10:43:02.818" v="79"/>
          <ac:spMkLst>
            <pc:docMk/>
            <pc:sldMk cId="2041794120" sldId="263"/>
            <ac:spMk id="7" creationId="{60869C31-B663-49B3-258A-DB6566A6DF9F}"/>
          </ac:spMkLst>
        </pc:spChg>
        <pc:spChg chg="mod modVis">
          <ac:chgData name="Carlota Hernández Jaubert" userId="1eb451b7-1b3c-4c4b-a534-db0568f6e9a2" providerId="ADAL" clId="{CDB60B17-C291-4FC9-8E76-C8CCB0442CD6}" dt="2026-01-20T10:33:12.951" v="17"/>
          <ac:spMkLst>
            <pc:docMk/>
            <pc:sldMk cId="2041794120" sldId="263"/>
            <ac:spMk id="9" creationId="{28BE47FF-0545-040E-6D16-52DA222E7064}"/>
          </ac:spMkLst>
        </pc:spChg>
        <pc:spChg chg="mod">
          <ac:chgData name="Carlota Hernández Jaubert" userId="1eb451b7-1b3c-4c4b-a534-db0568f6e9a2" providerId="ADAL" clId="{CDB60B17-C291-4FC9-8E76-C8CCB0442CD6}" dt="2026-01-20T10:43:02.818" v="79"/>
          <ac:spMkLst>
            <pc:docMk/>
            <pc:sldMk cId="2041794120" sldId="263"/>
            <ac:spMk id="10" creationId="{A1743CEF-7796-7A82-B3FE-3C6584D93F81}"/>
          </ac:spMkLst>
        </pc:spChg>
        <pc:spChg chg="mod">
          <ac:chgData name="Carlota Hernández Jaubert" userId="1eb451b7-1b3c-4c4b-a534-db0568f6e9a2" providerId="ADAL" clId="{CDB60B17-C291-4FC9-8E76-C8CCB0442CD6}" dt="2026-01-20T10:43:02.818" v="79"/>
          <ac:spMkLst>
            <pc:docMk/>
            <pc:sldMk cId="2041794120" sldId="263"/>
            <ac:spMk id="11" creationId="{C485A753-F404-21A1-37EA-7EFB72ADB757}"/>
          </ac:spMkLst>
        </pc:spChg>
        <pc:spChg chg="mod">
          <ac:chgData name="Carlota Hernández Jaubert" userId="1eb451b7-1b3c-4c4b-a534-db0568f6e9a2" providerId="ADAL" clId="{CDB60B17-C291-4FC9-8E76-C8CCB0442CD6}" dt="2026-01-20T10:43:02.818" v="79"/>
          <ac:spMkLst>
            <pc:docMk/>
            <pc:sldMk cId="2041794120" sldId="263"/>
            <ac:spMk id="12" creationId="{EFF0E5F4-1CB9-3303-6F20-371178F1AF41}"/>
          </ac:spMkLst>
        </pc:spChg>
        <pc:spChg chg="mod modVis">
          <ac:chgData name="Carlota Hernández Jaubert" userId="1eb451b7-1b3c-4c4b-a534-db0568f6e9a2" providerId="ADAL" clId="{CDB60B17-C291-4FC9-8E76-C8CCB0442CD6}" dt="2026-01-20T10:33:10.309" v="14"/>
          <ac:spMkLst>
            <pc:docMk/>
            <pc:sldMk cId="2041794120" sldId="263"/>
            <ac:spMk id="14" creationId="{2DB8B009-4796-D003-682E-514D296FD1BE}"/>
          </ac:spMkLst>
        </pc:spChg>
        <pc:grpChg chg="mod modVis">
          <ac:chgData name="Carlota Hernández Jaubert" userId="1eb451b7-1b3c-4c4b-a534-db0568f6e9a2" providerId="ADAL" clId="{CDB60B17-C291-4FC9-8E76-C8CCB0442CD6}" dt="2026-01-20T10:43:02.818" v="79"/>
          <ac:grpSpMkLst>
            <pc:docMk/>
            <pc:sldMk cId="2041794120" sldId="263"/>
            <ac:grpSpMk id="2" creationId="{76A4305D-E67B-E2D2-502D-C8CD9B5EABFE}"/>
          </ac:grpSpMkLst>
        </pc:grpChg>
        <pc:grpChg chg="mod">
          <ac:chgData name="Carlota Hernández Jaubert" userId="1eb451b7-1b3c-4c4b-a534-db0568f6e9a2" providerId="ADAL" clId="{CDB60B17-C291-4FC9-8E76-C8CCB0442CD6}" dt="2026-01-20T10:43:02.818" v="79"/>
          <ac:grpSpMkLst>
            <pc:docMk/>
            <pc:sldMk cId="2041794120" sldId="263"/>
            <ac:grpSpMk id="8" creationId="{41633B35-887C-BABC-F8E5-82735F1D408D}"/>
          </ac:grpSpMkLst>
        </pc:grpChg>
        <pc:picChg chg="mod">
          <ac:chgData name="Carlota Hernández Jaubert" userId="1eb451b7-1b3c-4c4b-a534-db0568f6e9a2" providerId="ADAL" clId="{CDB60B17-C291-4FC9-8E76-C8CCB0442CD6}" dt="2026-01-20T10:43:02.818" v="79"/>
          <ac:picMkLst>
            <pc:docMk/>
            <pc:sldMk cId="2041794120" sldId="263"/>
            <ac:picMk id="6" creationId="{F2D808A5-B863-A3C5-0754-8A5F5CA31E9E}"/>
          </ac:picMkLst>
        </pc:picChg>
      </pc:sldChg>
      <pc:sldChg chg="addSp delSp modSp mod">
        <pc:chgData name="Carlota Hernández Jaubert" userId="1eb451b7-1b3c-4c4b-a534-db0568f6e9a2" providerId="ADAL" clId="{CDB60B17-C291-4FC9-8E76-C8CCB0442CD6}" dt="2026-01-20T10:44:09.287" v="92" actId="931"/>
        <pc:sldMkLst>
          <pc:docMk/>
          <pc:sldMk cId="4276101519" sldId="268"/>
        </pc:sldMkLst>
        <pc:spChg chg="mod modVis">
          <ac:chgData name="Carlota Hernández Jaubert" userId="1eb451b7-1b3c-4c4b-a534-db0568f6e9a2" providerId="ADAL" clId="{CDB60B17-C291-4FC9-8E76-C8CCB0442CD6}" dt="2026-01-20T10:37:28.691" v="76" actId="14429"/>
          <ac:spMkLst>
            <pc:docMk/>
            <pc:sldMk cId="4276101519" sldId="268"/>
            <ac:spMk id="5" creationId="{3805FF7A-3484-1EDE-7EE4-BBE196BA4DB2}"/>
          </ac:spMkLst>
        </pc:spChg>
        <pc:spChg chg="add del mod">
          <ac:chgData name="Carlota Hernández Jaubert" userId="1eb451b7-1b3c-4c4b-a534-db0568f6e9a2" providerId="ADAL" clId="{CDB60B17-C291-4FC9-8E76-C8CCB0442CD6}" dt="2026-01-20T10:34:44.970" v="38" actId="478"/>
          <ac:spMkLst>
            <pc:docMk/>
            <pc:sldMk cId="4276101519" sldId="268"/>
            <ac:spMk id="6" creationId="{2AC9748C-9C96-7802-2C60-EDA9FA109B27}"/>
          </ac:spMkLst>
        </pc:spChg>
        <pc:spChg chg="add del mod modVis">
          <ac:chgData name="Carlota Hernández Jaubert" userId="1eb451b7-1b3c-4c4b-a534-db0568f6e9a2" providerId="ADAL" clId="{CDB60B17-C291-4FC9-8E76-C8CCB0442CD6}" dt="2026-01-20T10:43:58.413" v="90"/>
          <ac:spMkLst>
            <pc:docMk/>
            <pc:sldMk cId="4276101519" sldId="268"/>
            <ac:spMk id="7" creationId="{22BEFDDE-4F75-E4C1-D461-F2DC7262A728}"/>
          </ac:spMkLst>
        </pc:spChg>
        <pc:spChg chg="add del mod">
          <ac:chgData name="Carlota Hernández Jaubert" userId="1eb451b7-1b3c-4c4b-a534-db0568f6e9a2" providerId="ADAL" clId="{CDB60B17-C291-4FC9-8E76-C8CCB0442CD6}" dt="2026-01-20T10:35:24.337" v="44" actId="931"/>
          <ac:spMkLst>
            <pc:docMk/>
            <pc:sldMk cId="4276101519" sldId="268"/>
            <ac:spMk id="9" creationId="{487251EB-42FD-D792-FB4E-9733A4644EF3}"/>
          </ac:spMkLst>
        </pc:spChg>
        <pc:spChg chg="del mod modVis">
          <ac:chgData name="Carlota Hernández Jaubert" userId="1eb451b7-1b3c-4c4b-a534-db0568f6e9a2" providerId="ADAL" clId="{CDB60B17-C291-4FC9-8E76-C8CCB0442CD6}" dt="2026-01-20T10:34:31.043" v="34" actId="931"/>
          <ac:spMkLst>
            <pc:docMk/>
            <pc:sldMk cId="4276101519" sldId="268"/>
            <ac:spMk id="12" creationId="{94B3C006-FB80-C4A2-BB3F-5B7E11F85629}"/>
          </ac:spMkLst>
        </pc:spChg>
        <pc:spChg chg="add del mod">
          <ac:chgData name="Carlota Hernández Jaubert" userId="1eb451b7-1b3c-4c4b-a534-db0568f6e9a2" providerId="ADAL" clId="{CDB60B17-C291-4FC9-8E76-C8CCB0442CD6}" dt="2026-01-20T10:35:40.613" v="47" actId="478"/>
          <ac:spMkLst>
            <pc:docMk/>
            <pc:sldMk cId="4276101519" sldId="268"/>
            <ac:spMk id="14" creationId="{EF201707-1B05-6FD5-C6A4-F00B487A28C6}"/>
          </ac:spMkLst>
        </pc:spChg>
        <pc:spChg chg="add del mod">
          <ac:chgData name="Carlota Hernández Jaubert" userId="1eb451b7-1b3c-4c4b-a534-db0568f6e9a2" providerId="ADAL" clId="{CDB60B17-C291-4FC9-8E76-C8CCB0442CD6}" dt="2026-01-20T10:44:09.287" v="92" actId="931"/>
          <ac:spMkLst>
            <pc:docMk/>
            <pc:sldMk cId="4276101519" sldId="268"/>
            <ac:spMk id="17" creationId="{6ADB37CF-733C-85FD-DEB5-11E5333E0E8E}"/>
          </ac:spMkLst>
        </pc:spChg>
        <pc:picChg chg="add del mod modCrop">
          <ac:chgData name="Carlota Hernández Jaubert" userId="1eb451b7-1b3c-4c4b-a534-db0568f6e9a2" providerId="ADAL" clId="{CDB60B17-C291-4FC9-8E76-C8CCB0442CD6}" dt="2026-01-20T10:34:49.752" v="40" actId="478"/>
          <ac:picMkLst>
            <pc:docMk/>
            <pc:sldMk cId="4276101519" sldId="268"/>
            <ac:picMk id="3" creationId="{8B7B8C28-5B91-97C4-D868-59026F7C38EC}"/>
          </ac:picMkLst>
        </pc:picChg>
        <pc:picChg chg="add del mod modCrop">
          <ac:chgData name="Carlota Hernández Jaubert" userId="1eb451b7-1b3c-4c4b-a534-db0568f6e9a2" providerId="ADAL" clId="{CDB60B17-C291-4FC9-8E76-C8CCB0442CD6}" dt="2026-01-20T10:36:00.511" v="51" actId="478"/>
          <ac:picMkLst>
            <pc:docMk/>
            <pc:sldMk cId="4276101519" sldId="268"/>
            <ac:picMk id="11" creationId="{4146842A-0E1E-5A69-06A7-AE2428B911D0}"/>
          </ac:picMkLst>
        </pc:picChg>
        <pc:picChg chg="mod ord modVis">
          <ac:chgData name="Carlota Hernández Jaubert" userId="1eb451b7-1b3c-4c4b-a534-db0568f6e9a2" providerId="ADAL" clId="{CDB60B17-C291-4FC9-8E76-C8CCB0442CD6}" dt="2026-01-20T10:43:34.604" v="87"/>
          <ac:picMkLst>
            <pc:docMk/>
            <pc:sldMk cId="4276101519" sldId="268"/>
            <ac:picMk id="16" creationId="{12AD3D97-62EC-D39F-BA68-D54F15AB62EA}"/>
          </ac:picMkLst>
        </pc:picChg>
        <pc:picChg chg="add mod">
          <ac:chgData name="Carlota Hernández Jaubert" userId="1eb451b7-1b3c-4c4b-a534-db0568f6e9a2" providerId="ADAL" clId="{CDB60B17-C291-4FC9-8E76-C8CCB0442CD6}" dt="2026-01-20T10:36:24.262" v="54" actId="931"/>
          <ac:picMkLst>
            <pc:docMk/>
            <pc:sldMk cId="4276101519" sldId="268"/>
            <ac:picMk id="19" creationId="{7ACFFA4B-EB2B-D6B8-84EC-DAF35AA95308}"/>
          </ac:picMkLst>
        </pc:picChg>
        <pc:picChg chg="add mod">
          <ac:chgData name="Carlota Hernández Jaubert" userId="1eb451b7-1b3c-4c4b-a534-db0568f6e9a2" providerId="ADAL" clId="{CDB60B17-C291-4FC9-8E76-C8CCB0442CD6}" dt="2026-01-20T10:36:42.824" v="58" actId="931"/>
          <ac:picMkLst>
            <pc:docMk/>
            <pc:sldMk cId="4276101519" sldId="268"/>
            <ac:picMk id="21" creationId="{E842F236-BFC0-63E6-2D0E-2B71C96E80C9}"/>
          </ac:picMkLst>
        </pc:picChg>
        <pc:picChg chg="add mod">
          <ac:chgData name="Carlota Hernández Jaubert" userId="1eb451b7-1b3c-4c4b-a534-db0568f6e9a2" providerId="ADAL" clId="{CDB60B17-C291-4FC9-8E76-C8CCB0442CD6}" dt="2026-01-20T10:44:09.287" v="92" actId="931"/>
          <ac:picMkLst>
            <pc:docMk/>
            <pc:sldMk cId="4276101519" sldId="268"/>
            <ac:picMk id="23" creationId="{C5E79F43-4EC6-52FC-0550-F96D10604218}"/>
          </ac:picMkLst>
        </pc:picChg>
      </pc:sldChg>
      <pc:sldChg chg="modSp mod">
        <pc:chgData name="Carlota Hernández Jaubert" userId="1eb451b7-1b3c-4c4b-a534-db0568f6e9a2" providerId="ADAL" clId="{CDB60B17-C291-4FC9-8E76-C8CCB0442CD6}" dt="2026-01-20T10:43:54.667" v="89"/>
        <pc:sldMkLst>
          <pc:docMk/>
          <pc:sldMk cId="2406456757" sldId="269"/>
        </pc:sldMkLst>
        <pc:picChg chg="mod">
          <ac:chgData name="Carlota Hernández Jaubert" userId="1eb451b7-1b3c-4c4b-a534-db0568f6e9a2" providerId="ADAL" clId="{CDB60B17-C291-4FC9-8E76-C8CCB0442CD6}" dt="2026-01-20T10:43:54.667" v="89"/>
          <ac:picMkLst>
            <pc:docMk/>
            <pc:sldMk cId="2406456757" sldId="269"/>
            <ac:picMk id="7" creationId="{82CDAD0E-A87D-C975-8195-41FFB6444130}"/>
          </ac:picMkLst>
        </pc:picChg>
      </pc:sldChg>
      <pc:sldChg chg="modSp mod">
        <pc:chgData name="Carlota Hernández Jaubert" userId="1eb451b7-1b3c-4c4b-a534-db0568f6e9a2" providerId="ADAL" clId="{CDB60B17-C291-4FC9-8E76-C8CCB0442CD6}" dt="2026-01-20T10:43:07.068" v="80"/>
        <pc:sldMkLst>
          <pc:docMk/>
          <pc:sldMk cId="1842853321" sldId="270"/>
        </pc:sldMkLst>
        <pc:picChg chg="mod modCrop">
          <ac:chgData name="Carlota Hernández Jaubert" userId="1eb451b7-1b3c-4c4b-a534-db0568f6e9a2" providerId="ADAL" clId="{CDB60B17-C291-4FC9-8E76-C8CCB0442CD6}" dt="2026-01-20T10:43:07.068" v="80"/>
          <ac:picMkLst>
            <pc:docMk/>
            <pc:sldMk cId="1842853321" sldId="270"/>
            <ac:picMk id="8" creationId="{F29A077F-E2DE-5823-C2B0-FFE1DF076093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0/01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1/20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A485183-C542-C27A-16D1-90448D1ABAFF}"/>
              </a:ext>
            </a:extLst>
          </p:cNvPr>
          <p:cNvSpPr txBox="1"/>
          <p:nvPr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41113" y="63500"/>
            <a:ext cx="712787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GB" sz="1000">
                <a:solidFill>
                  <a:srgbClr val="000000">
                    <a:alpha val="50000"/>
                  </a:srgbClr>
                </a:solidFill>
                <a:latin typeface="Aptos" panose="020B000402020202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cargo-experts-conference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F29A077F-E2DE-5823-C2B0-FFE1DF07609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/>
          <a:srcRect r="1266"/>
          <a:stretch>
            <a:fillRect/>
          </a:stretch>
        </p:blipFill>
        <p:spPr>
          <a:xfrm>
            <a:off x="-1509" y="0"/>
            <a:ext cx="12193509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4285332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ZoneTexte 4">
            <a:extLst>
              <a:ext uri="{FF2B5EF4-FFF2-40B4-BE49-F238E27FC236}">
                <a16:creationId xmlns:a16="http://schemas.microsoft.com/office/drawing/2014/main" id="{8D683FED-8EAC-651B-134D-9C3257312740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</a:t>
            </a:r>
            <a:r>
              <a:rPr lang="en-US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CE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C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D31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EC website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D31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28BE47FF-0545-040E-6D16-52DA222E7064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sp>
        <p:nvSpPr>
          <p:cNvPr id="14" name="Footer Placeholder 28">
            <a:extLst>
              <a:ext uri="{FF2B5EF4-FFF2-40B4-BE49-F238E27FC236}">
                <a16:creationId xmlns:a16="http://schemas.microsoft.com/office/drawing/2014/main" id="{2DB8B009-4796-D003-682E-514D296FD1BE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525137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>
                <a:solidFill>
                  <a:srgbClr val="1D31FA"/>
                </a:solidFill>
                <a:latin typeface="Aktiv Grotesk"/>
              </a:rPr>
              <a:t>#IATACEC</a:t>
            </a:r>
            <a:endParaRPr lang="en-US" sz="1400" dirty="0">
              <a:solidFill>
                <a:srgbClr val="1D31FA"/>
              </a:solidFill>
              <a:latin typeface="Aktiv Grotesk"/>
            </a:endParaRP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76A4305D-E67B-E2D2-502D-C8CD9B5EABFE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3140766" y="3511796"/>
            <a:ext cx="5303352" cy="2977721"/>
            <a:chOff x="3140766" y="3511796"/>
            <a:chExt cx="5303352" cy="2977721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F2D808A5-B863-A3C5-0754-8A5F5CA31E9E}"/>
                </a:ext>
              </a:extLst>
            </p:cNvPr>
            <p:cNvPicPr>
              <a:picLocks noGrp="1" noRot="1" noChangeAspect="1" noMove="1" noResize="1" noEditPoints="1" noAdjustHandles="1" noChangeArrowheads="1" noChangeShapeType="1" noCrop="1"/>
            </p:cNvPicPr>
            <p:nvPr/>
          </p:nvPicPr>
          <p:blipFill>
            <a:blip r:embed="rId3"/>
            <a:srcRect/>
            <a:stretch/>
          </p:blipFill>
          <p:spPr>
            <a:xfrm>
              <a:off x="3140766" y="3511796"/>
              <a:ext cx="5303352" cy="2977721"/>
            </a:xfrm>
            <a:prstGeom prst="rect">
              <a:avLst/>
            </a:prstGeom>
          </p:spPr>
        </p:pic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60869C31-B663-49B3-258A-DB6566A6DF9F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6487274" y="4006424"/>
              <a:ext cx="1213864" cy="1215319"/>
            </a:xfrm>
            <a:prstGeom prst="ellipse">
              <a:avLst/>
            </a:prstGeom>
            <a:solidFill>
              <a:schemeClr val="bg2">
                <a:lumMod val="90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41633B35-887C-BABC-F8E5-82735F1D408D}"/>
                </a:ext>
              </a:extLst>
            </p:cNvPr>
            <p:cNvGrpSpPr>
              <a:grpSpLocks noGrp="1" noUngrp="1" noRot="1" noMove="1" noResize="1"/>
            </p:cNvGrpSpPr>
            <p:nvPr/>
          </p:nvGrpSpPr>
          <p:grpSpPr>
            <a:xfrm>
              <a:off x="7059937" y="4343708"/>
              <a:ext cx="430165" cy="903908"/>
              <a:chOff x="1723031" y="1213089"/>
              <a:chExt cx="991737" cy="1979946"/>
            </a:xfrm>
          </p:grpSpPr>
          <p:sp>
            <p:nvSpPr>
              <p:cNvPr id="10" name="Freeform 5">
                <a:extLst>
                  <a:ext uri="{FF2B5EF4-FFF2-40B4-BE49-F238E27FC236}">
                    <a16:creationId xmlns:a16="http://schemas.microsoft.com/office/drawing/2014/main" id="{A1743CEF-7796-7A82-B3FE-3C6584D93F81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/>
              </p:cNvSpPr>
              <p:nvPr/>
            </p:nvSpPr>
            <p:spPr bwMode="auto">
              <a:xfrm flipH="1">
                <a:off x="1724170" y="2206015"/>
                <a:ext cx="985837" cy="987020"/>
              </a:xfrm>
              <a:custGeom>
                <a:avLst/>
                <a:gdLst>
                  <a:gd name="T0" fmla="*/ 0 w 3326"/>
                  <a:gd name="T1" fmla="*/ 0 h 3330"/>
                  <a:gd name="T2" fmla="*/ 0 w 3326"/>
                  <a:gd name="T3" fmla="*/ 1665 h 3330"/>
                  <a:gd name="T4" fmla="*/ 1109 w 3326"/>
                  <a:gd name="T5" fmla="*/ 1665 h 3330"/>
                  <a:gd name="T6" fmla="*/ 1109 w 3326"/>
                  <a:gd name="T7" fmla="*/ 3330 h 3330"/>
                  <a:gd name="T8" fmla="*/ 3326 w 3326"/>
                  <a:gd name="T9" fmla="*/ 3330 h 3330"/>
                  <a:gd name="T10" fmla="*/ 3326 w 3326"/>
                  <a:gd name="T11" fmla="*/ 0 h 3330"/>
                  <a:gd name="T12" fmla="*/ 0 w 3326"/>
                  <a:gd name="T13" fmla="*/ 0 h 33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326" h="3330">
                    <a:moveTo>
                      <a:pt x="0" y="0"/>
                    </a:moveTo>
                    <a:lnTo>
                      <a:pt x="0" y="1665"/>
                    </a:lnTo>
                    <a:lnTo>
                      <a:pt x="1109" y="1665"/>
                    </a:lnTo>
                    <a:lnTo>
                      <a:pt x="1109" y="3330"/>
                    </a:lnTo>
                    <a:lnTo>
                      <a:pt x="3326" y="3330"/>
                    </a:lnTo>
                    <a:lnTo>
                      <a:pt x="3326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C485A753-F404-21A1-37EA-7EFB72ADB757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/>
              </p:cNvSpPr>
              <p:nvPr/>
            </p:nvSpPr>
            <p:spPr bwMode="auto">
              <a:xfrm>
                <a:off x="1723031" y="1213089"/>
                <a:ext cx="991737" cy="992926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2" name="Freeform: Shape 11">
                <a:extLst>
                  <a:ext uri="{FF2B5EF4-FFF2-40B4-BE49-F238E27FC236}">
                    <a16:creationId xmlns:a16="http://schemas.microsoft.com/office/drawing/2014/main" id="{EFF0E5F4-1CB9-3303-6F20-371178F1AF41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/>
              </p:cNvSpPr>
              <p:nvPr/>
            </p:nvSpPr>
            <p:spPr bwMode="auto">
              <a:xfrm rot="16200000">
                <a:off x="2101883" y="1749046"/>
                <a:ext cx="230409" cy="460407"/>
              </a:xfrm>
              <a:custGeom>
                <a:avLst/>
                <a:gdLst>
                  <a:gd name="connsiteX0" fmla="*/ 270676 w 270676"/>
                  <a:gd name="connsiteY0" fmla="*/ 0 h 540866"/>
                  <a:gd name="connsiteX1" fmla="*/ 270676 w 270676"/>
                  <a:gd name="connsiteY1" fmla="*/ 270352 h 540866"/>
                  <a:gd name="connsiteX2" fmla="*/ 270514 w 270676"/>
                  <a:gd name="connsiteY2" fmla="*/ 270352 h 540866"/>
                  <a:gd name="connsiteX3" fmla="*/ 270514 w 270676"/>
                  <a:gd name="connsiteY3" fmla="*/ 274419 h 540866"/>
                  <a:gd name="connsiteX4" fmla="*/ 270514 w 270676"/>
                  <a:gd name="connsiteY4" fmla="*/ 540866 h 540866"/>
                  <a:gd name="connsiteX5" fmla="*/ 5653 w 270676"/>
                  <a:gd name="connsiteY5" fmla="*/ 324752 h 540866"/>
                  <a:gd name="connsiteX6" fmla="*/ 178 w 270676"/>
                  <a:gd name="connsiteY6" fmla="*/ 270352 h 540866"/>
                  <a:gd name="connsiteX7" fmla="*/ 0 w 270676"/>
                  <a:gd name="connsiteY7" fmla="*/ 270352 h 540866"/>
                  <a:gd name="connsiteX8" fmla="*/ 270676 w 270676"/>
                  <a:gd name="connsiteY8" fmla="*/ 0 h 5408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0676" h="540866">
                    <a:moveTo>
                      <a:pt x="270676" y="0"/>
                    </a:moveTo>
                    <a:lnTo>
                      <a:pt x="270676" y="270352"/>
                    </a:lnTo>
                    <a:lnTo>
                      <a:pt x="270514" y="270352"/>
                    </a:lnTo>
                    <a:lnTo>
                      <a:pt x="270514" y="274419"/>
                    </a:lnTo>
                    <a:cubicBezTo>
                      <a:pt x="270514" y="287107"/>
                      <a:pt x="270514" y="337859"/>
                      <a:pt x="270514" y="540866"/>
                    </a:cubicBezTo>
                    <a:cubicBezTo>
                      <a:pt x="139832" y="540866"/>
                      <a:pt x="30855" y="448114"/>
                      <a:pt x="5653" y="324752"/>
                    </a:cubicBezTo>
                    <a:lnTo>
                      <a:pt x="178" y="270352"/>
                    </a:lnTo>
                    <a:lnTo>
                      <a:pt x="0" y="270352"/>
                    </a:lnTo>
                    <a:cubicBezTo>
                      <a:pt x="0" y="121001"/>
                      <a:pt x="121146" y="0"/>
                      <a:pt x="27067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noAutofit/>
              </a:bodyPr>
              <a:lstStyle/>
              <a:p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>
            <a:extLst>
              <a:ext uri="{FF2B5EF4-FFF2-40B4-BE49-F238E27FC236}">
                <a16:creationId xmlns:a16="http://schemas.microsoft.com/office/drawing/2014/main" id="{12AD3D97-62EC-D39F-BA68-D54F15AB62E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 l="91" r="91"/>
          <a:stretch/>
        </p:blipFill>
        <p:spPr>
          <a:xfrm>
            <a:off x="0" y="-1"/>
            <a:ext cx="12191999" cy="6857999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6ADB37CF-733C-85FD-DEB5-11E5333E0E8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332617" y="916122"/>
            <a:ext cx="4347143" cy="4352354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82CDAD0E-A87D-C975-8195-41FFB644413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/>
          <a:stretch/>
        </p:blipFill>
        <p:spPr>
          <a:xfrm>
            <a:off x="0" y="-1"/>
            <a:ext cx="12191998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4567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56dcfe90-8a20-4f5e-89d4-8d4d0a76620d">
      <Terms xmlns="http://schemas.microsoft.com/office/infopath/2007/PartnerControls"/>
    </lcf76f155ced4ddcb4097134ff3c332f>
    <TaxCatchAll xmlns="698b395e-a054-466c-87d8-213ba31286e5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176B743F351C74AB825DAE7E0479947" ma:contentTypeVersion="9" ma:contentTypeDescription="Create a new document." ma:contentTypeScope="" ma:versionID="f25e5269150f346eefd5f0e1e8b7bbe0">
  <xsd:schema xmlns:xsd="http://www.w3.org/2001/XMLSchema" xmlns:xs="http://www.w3.org/2001/XMLSchema" xmlns:p="http://schemas.microsoft.com/office/2006/metadata/properties" xmlns:ns2="56dcfe90-8a20-4f5e-89d4-8d4d0a76620d" xmlns:ns3="698b395e-a054-466c-87d8-213ba31286e5" targetNamespace="http://schemas.microsoft.com/office/2006/metadata/properties" ma:root="true" ma:fieldsID="a92606528aef94100b3834d8bf32ad31" ns2:_="" ns3:_="">
    <xsd:import namespace="56dcfe90-8a20-4f5e-89d4-8d4d0a76620d"/>
    <xsd:import namespace="698b395e-a054-466c-87d8-213ba31286e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6dcfe90-8a20-4f5e-89d4-8d4d0a7662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98b395e-a054-466c-87d8-213ba31286e5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ad1500c6-143f-4a3e-8375-8340207249cc}" ma:internalName="TaxCatchAll" ma:showField="CatchAllData" ma:web="698b395e-a054-466c-87d8-213ba31286e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98825FB-E388-4F1F-8116-2A8A65DD839A}">
  <ds:schemaRefs>
    <ds:schemaRef ds:uri="56dcfe90-8a20-4f5e-89d4-8d4d0a76620d"/>
    <ds:schemaRef ds:uri="http://purl.org/dc/dcmitype/"/>
    <ds:schemaRef ds:uri="http://schemas.microsoft.com/office/infopath/2007/PartnerControls"/>
    <ds:schemaRef ds:uri="http://purl.org/dc/terms/"/>
    <ds:schemaRef ds:uri="http://schemas.microsoft.com/office/2006/documentManagement/types"/>
    <ds:schemaRef ds:uri="698b395e-a054-466c-87d8-213ba31286e5"/>
    <ds:schemaRef ds:uri="http://purl.org/dc/elements/1.1/"/>
    <ds:schemaRef ds:uri="http://schemas.openxmlformats.org/package/2006/metadata/core-properties"/>
    <ds:schemaRef ds:uri="http://schemas.microsoft.com/office/2006/metadata/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7DED6C0A-CFE3-4B79-B6D7-7BC7492E58F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6dcfe90-8a20-4f5e-89d4-8d4d0a76620d"/>
    <ds:schemaRef ds:uri="698b395e-a054-466c-87d8-213ba31286e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contentBits="1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88</TotalTime>
  <Words>113</Words>
  <Application>Microsoft Office PowerPoint</Application>
  <PresentationFormat>Widescreen</PresentationFormat>
  <Paragraphs>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ptos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Carlota Hernández Jaubert</cp:lastModifiedBy>
  <cp:revision>7</cp:revision>
  <dcterms:created xsi:type="dcterms:W3CDTF">2021-04-21T15:11:41Z</dcterms:created>
  <dcterms:modified xsi:type="dcterms:W3CDTF">2026-01-20T10:44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6176B743F351C74AB825DAE7E0479947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  <property fmtid="{D5CDD505-2E9C-101B-9397-08002B2CF9AE}" pid="21" name="ClassificationContentMarkingHeaderLocations">
    <vt:lpwstr>Office Theme:8</vt:lpwstr>
  </property>
  <property fmtid="{D5CDD505-2E9C-101B-9397-08002B2CF9AE}" pid="22" name="ClassificationContentMarkingHeaderText">
    <vt:lpwstr>Unrestricted</vt:lpwstr>
  </property>
</Properties>
</file>